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34D1C0F0-8491-4F5D-93F3-5F5CA13B65DC}" xr6:coauthVersionLast="45" xr6:coauthVersionMax="45" xr10:uidLastSave="{00000000-0000-0000-0000-000000000000}"/>
  <bookViews>
    <workbookView xWindow="1880" yWindow="12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71" uniqueCount="52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เชียงใหม่</t>
  </si>
  <si>
    <t>นราธิวาส</t>
  </si>
  <si>
    <t>ชุมชนดีมีรอยยิ้มแหลมสิงห์</t>
  </si>
  <si>
    <t>ชุมชนดีมีรอยยิ้มเมืองปัตตานี</t>
  </si>
  <si>
    <t>ชุมชนดีมีรอยยิ้มแม่แจ่ม</t>
  </si>
  <si>
    <t>ชุมชนดีมีรอยยิ้มยี่งอ จังหวัดนราธิวาส</t>
  </si>
  <si>
    <t>ชุมชนดีมีรอยยิ้มแม่แจ่ม  จังหวัดเชียงใหม่</t>
  </si>
  <si>
    <t xml:space="preserve">ชุมชนดีมีรอยยิ้มยี่งอ </t>
  </si>
  <si>
    <t>ชุมชนดีมีรอยยิ้มควนขนุน</t>
  </si>
  <si>
    <t>นางสาวจิรยา ประพรต</t>
  </si>
  <si>
    <t>คุณสุรีนา  เจาะสะมาแอ</t>
  </si>
  <si>
    <t>นางสาวมัลลิกา  มณีผ่อง</t>
  </si>
  <si>
    <t>นางสาววาฟา  มะซอ</t>
  </si>
  <si>
    <t>นายอานนท์  ขำแก้ว</t>
  </si>
  <si>
    <t xml:space="preserve">30/3 หมู่ 5 ตำบลบางสระเก้า  อำเภอแหลมสิงห์ จังหวัดจันทบุรี </t>
  </si>
  <si>
    <t xml:space="preserve">78/10  หมู่ 2 ตำบาราโหม อำเภอเมือง จังหวัดปัตตานี </t>
  </si>
  <si>
    <t xml:space="preserve">46/1  ม.4 ตำบลช่างเคิ่ง  อำเภอแม่แจ่ม  จังหวัดเชียงใหม่ </t>
  </si>
  <si>
    <t xml:space="preserve">6/2 หมู่ที่ 3 ตำบลลุโบะบือซา  อำเภอยี่งอ จังหวัดนราธิวาส </t>
  </si>
  <si>
    <t xml:space="preserve">6/2 หมู่ 3 ตำบลลุโบะบือซา อำเภอยี่งอ  จังหวัดนราธิวาส </t>
  </si>
  <si>
    <t xml:space="preserve"> 191 หมู่ 8 ตำบลพนางตุง อำเภอควนขนุน จังหวัดพัทลุง</t>
  </si>
  <si>
    <t>จันทบุรี</t>
  </si>
  <si>
    <t>ปัตตานี</t>
  </si>
  <si>
    <t>พัทลุง</t>
  </si>
  <si>
    <t>063-669-5396</t>
  </si>
  <si>
    <t xml:space="preserve"> 082-827-1267 </t>
  </si>
  <si>
    <t xml:space="preserve">    088-402-1685     </t>
  </si>
  <si>
    <t xml:space="preserve"> 087-633-3352      </t>
  </si>
  <si>
    <t xml:space="preserve">087-633-3352 </t>
  </si>
  <si>
    <t>095-438-7956</t>
  </si>
  <si>
    <t>0636695396</t>
  </si>
  <si>
    <t>0828271267</t>
  </si>
  <si>
    <t>0884021685</t>
  </si>
  <si>
    <t xml:space="preserve">087-633-3352      </t>
  </si>
  <si>
    <t>บางสระเก้า จ้าวประมงน้ำตื้น</t>
  </si>
  <si>
    <t>แจ่มดี : Chaem D</t>
  </si>
  <si>
    <t>ชุมชนดีมีรอยยิ้มยี่งอ</t>
  </si>
  <si>
    <t>the_ey@hotmail.com</t>
  </si>
  <si>
    <t>a.khamkaew2@gmail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>
    <font>
      <sz val="10"/>
      <color indexed="8"/>
      <name val="Helvetica Neue"/>
    </font>
    <font>
      <sz val="12"/>
      <color indexed="8"/>
      <name val="Helvetica Neue"/>
    </font>
    <font>
      <b/>
      <sz val="12"/>
      <color indexed="8"/>
      <name val="Helvetica Neue"/>
    </font>
    <font>
      <sz val="12"/>
      <name val="Helvetica Neue"/>
      <scheme val="major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15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2" fillId="3" borderId="4" xfId="0" applyNumberFormat="1" applyFont="1" applyFill="1" applyBorder="1" applyAlignment="1">
      <alignment horizontal="center" vertical="top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5" xfId="0" applyNumberFormat="1" applyFont="1" applyFill="1" applyBorder="1" applyAlignment="1">
      <alignment vertical="center"/>
    </xf>
    <xf numFmtId="0" fontId="3" fillId="5" borderId="5" xfId="0" applyNumberFormat="1" applyFont="1" applyFill="1" applyBorder="1" applyAlignment="1">
      <alignment vertical="center"/>
    </xf>
    <xf numFmtId="0" fontId="3" fillId="5" borderId="5" xfId="0" applyNumberFormat="1" applyFont="1" applyFill="1" applyBorder="1" applyAlignment="1">
      <alignment vertical="center" wrapText="1"/>
    </xf>
    <xf numFmtId="0" fontId="3" fillId="5" borderId="5" xfId="0" quotePrefix="1" applyNumberFormat="1" applyFont="1" applyFill="1" applyBorder="1" applyAlignment="1">
      <alignment vertical="center"/>
    </xf>
    <xf numFmtId="2" fontId="3" fillId="5" borderId="5" xfId="0" applyNumberFormat="1" applyFont="1" applyFill="1" applyBorder="1" applyAlignment="1">
      <alignment vertical="center" wrapText="1"/>
    </xf>
    <xf numFmtId="0" fontId="3" fillId="4" borderId="5" xfId="0" quotePrefix="1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0"/>
  <sheetViews>
    <sheetView showGridLines="0" tabSelected="1" topLeftCell="C1" workbookViewId="0">
      <selection activeCell="C1" sqref="A1:XFD1048576"/>
    </sheetView>
  </sheetViews>
  <sheetFormatPr defaultColWidth="16.36328125" defaultRowHeight="19.899999999999999" customHeight="1"/>
  <cols>
    <col min="1" max="1" width="64.453125" style="4" bestFit="1" customWidth="1"/>
    <col min="2" max="2" width="20.36328125" style="4" bestFit="1" customWidth="1"/>
    <col min="3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19.899999999999999" customHeight="1">
      <c r="A4" s="9" t="s">
        <v>16</v>
      </c>
      <c r="B4" s="4" t="s">
        <v>13</v>
      </c>
      <c r="C4" s="10" t="s">
        <v>23</v>
      </c>
      <c r="D4" s="11" t="s">
        <v>28</v>
      </c>
      <c r="E4" s="10">
        <v>22190</v>
      </c>
      <c r="F4" s="11" t="s">
        <v>34</v>
      </c>
      <c r="G4" s="10" t="s">
        <v>37</v>
      </c>
      <c r="H4" s="12" t="s">
        <v>43</v>
      </c>
      <c r="I4" s="10" t="s">
        <v>47</v>
      </c>
      <c r="J4" s="10" t="s">
        <v>50</v>
      </c>
    </row>
    <row r="5" spans="1:11" ht="19.899999999999999" customHeight="1">
      <c r="A5" s="9" t="s">
        <v>17</v>
      </c>
      <c r="B5" s="4" t="s">
        <v>13</v>
      </c>
      <c r="C5" s="10" t="s">
        <v>24</v>
      </c>
      <c r="D5" s="11" t="s">
        <v>29</v>
      </c>
      <c r="E5" s="10">
        <v>94000</v>
      </c>
      <c r="F5" s="11" t="s">
        <v>35</v>
      </c>
      <c r="G5" s="10" t="s">
        <v>38</v>
      </c>
      <c r="H5" s="12" t="s">
        <v>44</v>
      </c>
      <c r="I5" s="10" t="s">
        <v>17</v>
      </c>
      <c r="J5" s="10"/>
    </row>
    <row r="6" spans="1:11" ht="19.899999999999999" customHeight="1">
      <c r="A6" s="9" t="s">
        <v>18</v>
      </c>
      <c r="B6" s="4" t="s">
        <v>13</v>
      </c>
      <c r="C6" s="10" t="s">
        <v>25</v>
      </c>
      <c r="D6" s="11" t="s">
        <v>30</v>
      </c>
      <c r="E6" s="10">
        <v>50270</v>
      </c>
      <c r="F6" s="11" t="s">
        <v>14</v>
      </c>
      <c r="G6" s="10" t="s">
        <v>39</v>
      </c>
      <c r="H6" s="12" t="s">
        <v>45</v>
      </c>
      <c r="I6" s="10" t="s">
        <v>48</v>
      </c>
      <c r="J6" s="10"/>
    </row>
    <row r="7" spans="1:11" ht="19.899999999999999" customHeight="1">
      <c r="A7" s="9" t="s">
        <v>19</v>
      </c>
      <c r="B7" s="4" t="s">
        <v>13</v>
      </c>
      <c r="C7" s="10" t="s">
        <v>26</v>
      </c>
      <c r="D7" s="11" t="s">
        <v>31</v>
      </c>
      <c r="E7" s="10">
        <v>96180</v>
      </c>
      <c r="F7" s="11" t="s">
        <v>15</v>
      </c>
      <c r="G7" s="13" t="s">
        <v>40</v>
      </c>
      <c r="H7" s="11" t="s">
        <v>46</v>
      </c>
      <c r="I7" s="10" t="s">
        <v>49</v>
      </c>
      <c r="J7" s="10"/>
    </row>
    <row r="8" spans="1:11" ht="19.899999999999999" customHeight="1">
      <c r="A8" s="9" t="s">
        <v>20</v>
      </c>
      <c r="B8" s="4" t="s">
        <v>13</v>
      </c>
      <c r="C8" s="10" t="s">
        <v>25</v>
      </c>
      <c r="D8" s="11" t="s">
        <v>30</v>
      </c>
      <c r="E8" s="10">
        <v>50270</v>
      </c>
      <c r="F8" s="11" t="s">
        <v>14</v>
      </c>
      <c r="G8" s="10" t="s">
        <v>39</v>
      </c>
      <c r="H8" s="10" t="s">
        <v>45</v>
      </c>
      <c r="I8" s="10" t="s">
        <v>48</v>
      </c>
      <c r="J8" s="10"/>
    </row>
    <row r="9" spans="1:11" ht="19.899999999999999" customHeight="1">
      <c r="A9" s="14" t="s">
        <v>21</v>
      </c>
      <c r="B9" s="4" t="s">
        <v>13</v>
      </c>
      <c r="C9" s="10" t="s">
        <v>26</v>
      </c>
      <c r="D9" s="11" t="s">
        <v>32</v>
      </c>
      <c r="E9" s="10">
        <v>96110</v>
      </c>
      <c r="F9" s="11" t="s">
        <v>15</v>
      </c>
      <c r="G9" s="10" t="s">
        <v>41</v>
      </c>
      <c r="H9" s="10" t="s">
        <v>41</v>
      </c>
      <c r="I9" s="12" t="s">
        <v>21</v>
      </c>
      <c r="J9" s="10"/>
    </row>
    <row r="10" spans="1:11" ht="19.899999999999999" customHeight="1">
      <c r="A10" s="14" t="s">
        <v>22</v>
      </c>
      <c r="B10" s="4" t="s">
        <v>13</v>
      </c>
      <c r="C10" s="10" t="s">
        <v>27</v>
      </c>
      <c r="D10" s="11" t="s">
        <v>33</v>
      </c>
      <c r="E10" s="10">
        <v>93150</v>
      </c>
      <c r="F10" s="11" t="s">
        <v>36</v>
      </c>
      <c r="G10" s="10" t="s">
        <v>42</v>
      </c>
      <c r="H10" s="10" t="s">
        <v>42</v>
      </c>
      <c r="I10" s="12" t="s">
        <v>22</v>
      </c>
      <c r="J10" s="10" t="s">
        <v>51</v>
      </c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6:02:46Z</dcterms:modified>
</cp:coreProperties>
</file>